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3"/>
  </p:notesMasterIdLst>
  <p:sldIdLst>
    <p:sldId id="935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FC857A-C203-4C74-8826-5B37F8EB4432}" v="425" dt="2019-10-18T13:11:21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2" d="100"/>
          <a:sy n="72" d="100"/>
        </p:scale>
        <p:origin x="804" y="7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5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Functions Roadmap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858784"/>
            <a:ext cx="11125200" cy="959097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43046"/>
            <a:ext cx="11125200" cy="10522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1369737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</a:t>
            </a:r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81381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6516381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2A_6fe90584d874434daa7fa76c963b6442_BackgroundRectangle" hidden="1">
            <a:extLst>
              <a:ext uri="{FF2B5EF4-FFF2-40B4-BE49-F238E27FC236}">
                <a16:creationId xmlns:a16="http://schemas.microsoft.com/office/drawing/2014/main" id="{9AD095B8-A996-B605-35BB-D9B97231573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82565" y="2309809"/>
            <a:ext cx="10312400" cy="13697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39" name="OTLSHAPE_SL2A_1ee39c3f2fb9447ea25be33fa085a3c0_BackgroundRectangle" hidden="1">
            <a:extLst>
              <a:ext uri="{FF2B5EF4-FFF2-40B4-BE49-F238E27FC236}">
                <a16:creationId xmlns:a16="http://schemas.microsoft.com/office/drawing/2014/main" id="{C9C21CAD-A580-2579-D270-A81324776C3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82565" y="3743046"/>
            <a:ext cx="10312400" cy="10522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50" name="OTLSHAPE_SL2A_d8d0594388334b19893a7462ee1e875a_BackgroundRectangle" hidden="1">
            <a:extLst>
              <a:ext uri="{FF2B5EF4-FFF2-40B4-BE49-F238E27FC236}">
                <a16:creationId xmlns:a16="http://schemas.microsoft.com/office/drawing/2014/main" id="{67418E02-E1AD-DBD0-2476-011D7947EDF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2565" y="4858784"/>
            <a:ext cx="10312400" cy="95909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61" name="OTLSHAPE_SL2A_8099522996b643bcb23d3ca4d0a21c6a_BackgroundRectangle" hidden="1">
            <a:extLst>
              <a:ext uri="{FF2B5EF4-FFF2-40B4-BE49-F238E27FC236}">
                <a16:creationId xmlns:a16="http://schemas.microsoft.com/office/drawing/2014/main" id="{D3265CA3-BF2B-D501-9AEF-0F4FB8177CA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82565" y="5881381"/>
            <a:ext cx="10312400" cy="571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452" name="OTLSHAPE_SL2A_10ce0eb8a8d74bc8ab6e41de4af6d318_BackgroundRectangle" hidden="1">
            <a:extLst>
              <a:ext uri="{FF2B5EF4-FFF2-40B4-BE49-F238E27FC236}">
                <a16:creationId xmlns:a16="http://schemas.microsoft.com/office/drawing/2014/main" id="{94FB49E0-5291-CD15-2CDB-A976AF01349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82565" y="6516381"/>
            <a:ext cx="10312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21D64B8A-167D-D428-C51D-33CAD4F4D93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AR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5" name="OTLSHAPE_TB_00000000000000000000000000000000_RightEndCaps" hidden="1">
            <a:extLst>
              <a:ext uri="{FF2B5EF4-FFF2-40B4-BE49-F238E27FC236}">
                <a16:creationId xmlns:a16="http://schemas.microsoft.com/office/drawing/2014/main" id="{E893F86A-340F-64BE-44C7-27DF98E3940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AR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858784"/>
            <a:ext cx="825500" cy="959097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743046"/>
            <a:ext cx="825500" cy="1052237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309809"/>
            <a:ext cx="825500" cy="1369737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881381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6516381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2A_6fe90584d874434daa7fa76c963b6442_HeaderRectangle" hidden="1">
            <a:extLst>
              <a:ext uri="{FF2B5EF4-FFF2-40B4-BE49-F238E27FC236}">
                <a16:creationId xmlns:a16="http://schemas.microsoft.com/office/drawing/2014/main" id="{1520F0EB-0338-6B51-D467-AFF89C26039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82565" y="2309809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37" name="OTLSHAPE_SL2A_1ee39c3f2fb9447ea25be33fa085a3c0_HeaderRectangle" hidden="1">
            <a:extLst>
              <a:ext uri="{FF2B5EF4-FFF2-40B4-BE49-F238E27FC236}">
                <a16:creationId xmlns:a16="http://schemas.microsoft.com/office/drawing/2014/main" id="{2E385DBC-A21F-782C-D243-B8E3707D366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2565" y="3743046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48" name="OTLSHAPE_SL2A_d8d0594388334b19893a7462ee1e875a_HeaderRectangle" hidden="1">
            <a:extLst>
              <a:ext uri="{FF2B5EF4-FFF2-40B4-BE49-F238E27FC236}">
                <a16:creationId xmlns:a16="http://schemas.microsoft.com/office/drawing/2014/main" id="{EA985469-057D-1651-02CD-8F2E0BF1034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2565" y="4858784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59" name="OTLSHAPE_SL2A_8099522996b643bcb23d3ca4d0a21c6a_HeaderRectangle" hidden="1">
            <a:extLst>
              <a:ext uri="{FF2B5EF4-FFF2-40B4-BE49-F238E27FC236}">
                <a16:creationId xmlns:a16="http://schemas.microsoft.com/office/drawing/2014/main" id="{19925B4C-BA0C-00E2-AFDD-68F551D306B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2565" y="5881381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450" name="OTLSHAPE_SL2A_10ce0eb8a8d74bc8ab6e41de4af6d318_HeaderRectangle" hidden="1">
            <a:extLst>
              <a:ext uri="{FF2B5EF4-FFF2-40B4-BE49-F238E27FC236}">
                <a16:creationId xmlns:a16="http://schemas.microsoft.com/office/drawing/2014/main" id="{B4DA9640-8654-DBCF-CF2A-063FF3459BD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2565" y="651638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517944" y="2106609"/>
            <a:ext cx="0" cy="4739972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054194" y="2106609"/>
            <a:ext cx="0" cy="4739972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618314" y="2106609"/>
            <a:ext cx="0" cy="4739972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91348" y="4963687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65946" y="4185684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82969" y="4963687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57567" y="4503184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57567" y="3824665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82969" y="5301421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891718" y="5572351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891718" y="5301421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57567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76594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02196" y="3343928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772296" y="6198881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27597" y="4963687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891718" y="4963687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791348" y="5301421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772296" y="5919481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308546" y="5919481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872666" y="5919481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302196" y="6554481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765946" y="6554481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ElapsedTime" hidden="1">
            <a:extLst>
              <a:ext uri="{FF2B5EF4-FFF2-40B4-BE49-F238E27FC236}">
                <a16:creationId xmlns:a16="http://schemas.microsoft.com/office/drawing/2014/main" id="{158A399A-353B-95B3-072E-36F30FB9FF3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172560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AR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152277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Funcionaldiad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4083110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Base de Datos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2901650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Front End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6074104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71E24"/>
                </a:solidFill>
                <a:latin typeface="Calibri" panose="020F0502020204030204" pitchFamily="34" charset="0"/>
              </a:rPr>
              <a:t>Seguridad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6588454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Adicionales</a:t>
            </a:r>
          </a:p>
        </p:txBody>
      </p:sp>
      <p:sp>
        <p:nvSpPr>
          <p:cNvPr id="19" name="OTLSHAPE_SL2A_6fe90584d874434daa7fa76c963b6442_Header" hidden="1">
            <a:extLst>
              <a:ext uri="{FF2B5EF4-FFF2-40B4-BE49-F238E27FC236}">
                <a16:creationId xmlns:a16="http://schemas.microsoft.com/office/drawing/2014/main" id="{53532056-D5E9-C9DA-749D-7546F352567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2A_1ee39c3f2fb9447ea25be33fa085a3c0_Header" hidden="1">
            <a:extLst>
              <a:ext uri="{FF2B5EF4-FFF2-40B4-BE49-F238E27FC236}">
                <a16:creationId xmlns:a16="http://schemas.microsoft.com/office/drawing/2014/main" id="{0BB86F5E-AF8B-A6ED-C9E1-E31E8B11341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2A_d8d0594388334b19893a7462ee1e875a_Header" hidden="1">
            <a:extLst>
              <a:ext uri="{FF2B5EF4-FFF2-40B4-BE49-F238E27FC236}">
                <a16:creationId xmlns:a16="http://schemas.microsoft.com/office/drawing/2014/main" id="{DF0B8BD7-2212-3C50-0E04-47E71499D5F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2A_8099522996b643bcb23d3ca4d0a21c6a_Header" hidden="1">
            <a:extLst>
              <a:ext uri="{FF2B5EF4-FFF2-40B4-BE49-F238E27FC236}">
                <a16:creationId xmlns:a16="http://schemas.microsoft.com/office/drawing/2014/main" id="{A6013A85-FAC3-AFC9-1DBA-2FBCA083144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SL2A_10ce0eb8a8d74bc8ab6e41de4af6d318_Header" hidden="1">
            <a:extLst>
              <a:ext uri="{FF2B5EF4-FFF2-40B4-BE49-F238E27FC236}">
                <a16:creationId xmlns:a16="http://schemas.microsoft.com/office/drawing/2014/main" id="{9CE26BD3-9191-1015-7554-8F127106BC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AR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B_00000000000000000000000000000000_TodayMarkerShape" hidden="1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955137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 hidden="1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079443" y="134460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73065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  <a:endParaRPr lang="en-US" spc="-5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581444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  <a:endParaRPr lang="en-US" spc="-5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019945" y="4896884"/>
            <a:ext cx="406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Api de Statu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045346" y="422742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ssion de Admi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11566" y="4896884"/>
            <a:ext cx="571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PI de Consulta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536967" y="4544925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laciones entre datos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536967" y="3781146"/>
            <a:ext cx="1282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Modelos dentro de la aplicacion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11566" y="5319877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sultas a BD y rutas , </a:t>
            </a: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120315" y="559080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Botones</a:t>
            </a:r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de </a:t>
            </a:r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funciones</a:t>
            </a:r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log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145716" y="2389650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tactar a ventas x chatbot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120315" y="531987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ot </a:t>
            </a:r>
            <a:r>
              <a:rPr lang="en-US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Ejecutandose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045346" y="238965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Vista de paginas Principales 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536967" y="2707150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581596" y="238965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ashboard Interactivo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045346" y="30246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581596" y="3300409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Vistas mas marketingeras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38996" y="6221572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utas protegidas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56194" y="498214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ango Horarios </a:t>
            </a: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20315" y="498214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lertas</a:t>
            </a:r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de </a:t>
            </a:r>
            <a:r>
              <a:rPr lang="en-US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Ejecucion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019945" y="531987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pi de Logs y Reportes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38996" y="5942172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ssion de Admi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575246" y="5942172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Validacion por Token JWT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139366" y="5942172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Renovacion de Token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581596" y="659622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ic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045346" y="6596221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xportar Reportes a PDF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117694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  <a:endParaRPr lang="en-US" spc="-5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81814" y="1776578"/>
            <a:ext cx="26173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52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  <a:endParaRPr lang="en-US" spc="-5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M_561d3f347d1b454491ac4de9797a3f4d_Date" hidden="1">
            <a:extLst>
              <a:ext uri="{FF2B5EF4-FFF2-40B4-BE49-F238E27FC236}">
                <a16:creationId xmlns:a16="http://schemas.microsoft.com/office/drawing/2014/main" id="{0A30853F-030E-DEE6-08CE-4E9D8053F23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22" name="OTLSHAPE_SLM_65669134d18a43e28959dc972ef27252_Date" hidden="1">
            <a:extLst>
              <a:ext uri="{FF2B5EF4-FFF2-40B4-BE49-F238E27FC236}">
                <a16:creationId xmlns:a16="http://schemas.microsoft.com/office/drawing/2014/main" id="{215A6D79-1AEE-1A90-1AF5-2BA4A67BE78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23" name="OTLSHAPE_SLM_c81b46d3284c4b8b8f210faa2910f49b_Date" hidden="1">
            <a:extLst>
              <a:ext uri="{FF2B5EF4-FFF2-40B4-BE49-F238E27FC236}">
                <a16:creationId xmlns:a16="http://schemas.microsoft.com/office/drawing/2014/main" id="{C7BCFAE6-CC14-07B9-10E2-158219C924B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32" name="OTLSHAPE_SLM_26615f3a416d4a0a83511ad17e513011_Date" hidden="1">
            <a:extLst>
              <a:ext uri="{FF2B5EF4-FFF2-40B4-BE49-F238E27FC236}">
                <a16:creationId xmlns:a16="http://schemas.microsoft.com/office/drawing/2014/main" id="{CD706488-3F60-F8AB-BF1E-843FC0712B9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34" name="OTLSHAPE_SLM_7045f708c555433896c4f672bfa058ae_Date" hidden="1">
            <a:extLst>
              <a:ext uri="{FF2B5EF4-FFF2-40B4-BE49-F238E27FC236}">
                <a16:creationId xmlns:a16="http://schemas.microsoft.com/office/drawing/2014/main" id="{886D3553-BB1A-3538-1146-6D2325CC9F0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35" name="OTLSHAPE_SLM_d4b43abd458d46c99679b40a91fdc215_Date" hidden="1">
            <a:extLst>
              <a:ext uri="{FF2B5EF4-FFF2-40B4-BE49-F238E27FC236}">
                <a16:creationId xmlns:a16="http://schemas.microsoft.com/office/drawing/2014/main" id="{EFA66D6D-5AB8-7BE0-EA46-421828D29FD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2" name="OTLSHAPE_SLM_aec98ba4df184c8881a011a86b46a3d7_Date" hidden="1">
            <a:extLst>
              <a:ext uri="{FF2B5EF4-FFF2-40B4-BE49-F238E27FC236}">
                <a16:creationId xmlns:a16="http://schemas.microsoft.com/office/drawing/2014/main" id="{42102819-32A8-9F46-307C-E526A3E33E4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43" name="OTLSHAPE_SLM_7582c54c60a447d8b8e71edfb98aaf40_Date" hidden="1">
            <a:extLst>
              <a:ext uri="{FF2B5EF4-FFF2-40B4-BE49-F238E27FC236}">
                <a16:creationId xmlns:a16="http://schemas.microsoft.com/office/drawing/2014/main" id="{41F38B3C-98E2-100A-4A22-D483F543FA1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6" name="OTLSHAPE_SLM_cb319515330a4686adace750669455a1_Date" hidden="1">
            <a:extLst>
              <a:ext uri="{FF2B5EF4-FFF2-40B4-BE49-F238E27FC236}">
                <a16:creationId xmlns:a16="http://schemas.microsoft.com/office/drawing/2014/main" id="{BE822C50-8EBD-E31E-B95A-C113FD1157E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51" name="OTLSHAPE_SLM_2fc3af8cbe2047d9b131940081e5f96e_Date" hidden="1">
            <a:extLst>
              <a:ext uri="{FF2B5EF4-FFF2-40B4-BE49-F238E27FC236}">
                <a16:creationId xmlns:a16="http://schemas.microsoft.com/office/drawing/2014/main" id="{5219527B-D9A7-197D-7F37-ED46AC2631C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52" name="OTLSHAPE_SLM_560837dc1abd4a0ca0d27af684182a06_Date" hidden="1">
            <a:extLst>
              <a:ext uri="{FF2B5EF4-FFF2-40B4-BE49-F238E27FC236}">
                <a16:creationId xmlns:a16="http://schemas.microsoft.com/office/drawing/2014/main" id="{AE03A836-02DC-D0D4-134C-0CAAFB0B71E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53" name="OTLSHAPE_SLM_60c06a06fdce43a09193df70ab745e15_Date" hidden="1">
            <a:extLst>
              <a:ext uri="{FF2B5EF4-FFF2-40B4-BE49-F238E27FC236}">
                <a16:creationId xmlns:a16="http://schemas.microsoft.com/office/drawing/2014/main" id="{75294740-70FD-9928-54C4-83202DF0305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4" name="OTLSHAPE_SLM_be54ac11223a4538b0a95d4c713ab9e3_Date" hidden="1">
            <a:extLst>
              <a:ext uri="{FF2B5EF4-FFF2-40B4-BE49-F238E27FC236}">
                <a16:creationId xmlns:a16="http://schemas.microsoft.com/office/drawing/2014/main" id="{B24B4957-BB43-AC9F-44BF-74A1EDEFF0E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5" name="OTLSHAPE_SLM_2e27626e3d094dd0a210b1e05d6bfdd8_Date" hidden="1">
            <a:extLst>
              <a:ext uri="{FF2B5EF4-FFF2-40B4-BE49-F238E27FC236}">
                <a16:creationId xmlns:a16="http://schemas.microsoft.com/office/drawing/2014/main" id="{0BBC4787-A83B-5484-7D65-FD22BAB508C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an 13</a:t>
            </a:r>
          </a:p>
        </p:txBody>
      </p:sp>
      <p:sp>
        <p:nvSpPr>
          <p:cNvPr id="56" name="OTLSHAPE_SLM_aa00dde741c24a21a2c7b6e756bf5e17_Date" hidden="1">
            <a:extLst>
              <a:ext uri="{FF2B5EF4-FFF2-40B4-BE49-F238E27FC236}">
                <a16:creationId xmlns:a16="http://schemas.microsoft.com/office/drawing/2014/main" id="{E6ECFFBA-F88E-8CA0-90C6-D0E53F5911E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57" name="OTLSHAPE_SLM_df6e23cb93e34336adfdc39b4d5053de_Date" hidden="1">
            <a:extLst>
              <a:ext uri="{FF2B5EF4-FFF2-40B4-BE49-F238E27FC236}">
                <a16:creationId xmlns:a16="http://schemas.microsoft.com/office/drawing/2014/main" id="{A6197543-45A5-EFEC-0380-9CEF8108F34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58" name="OTLSHAPE_SLM_01502ce42bc84294ae8c8e2a26374c3b_Date" hidden="1">
            <a:extLst>
              <a:ext uri="{FF2B5EF4-FFF2-40B4-BE49-F238E27FC236}">
                <a16:creationId xmlns:a16="http://schemas.microsoft.com/office/drawing/2014/main" id="{4CE72BFF-6B5A-F884-1AD1-B69DDD1E59E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62" name="OTLSHAPE_SLM_87c93a319a65441d8ccec04336af2778_Date" hidden="1">
            <a:extLst>
              <a:ext uri="{FF2B5EF4-FFF2-40B4-BE49-F238E27FC236}">
                <a16:creationId xmlns:a16="http://schemas.microsoft.com/office/drawing/2014/main" id="{A22F521E-3766-4F60-D316-3C8FF849348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63" name="OTLSHAPE_SLM_aab742d94cfc42c79614461425cf975e_Date" hidden="1">
            <a:extLst>
              <a:ext uri="{FF2B5EF4-FFF2-40B4-BE49-F238E27FC236}">
                <a16:creationId xmlns:a16="http://schemas.microsoft.com/office/drawing/2014/main" id="{3362CC80-DC73-A60C-73A8-84B624BD8F5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48" name="OTLSHAPE_SLM_e238d5f028934d099a3f80230dd32c18_Date" hidden="1">
            <a:extLst>
              <a:ext uri="{FF2B5EF4-FFF2-40B4-BE49-F238E27FC236}">
                <a16:creationId xmlns:a16="http://schemas.microsoft.com/office/drawing/2014/main" id="{D086D1EE-5048-875F-BA0A-7CB380DD74E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49" name="OTLSHAPE_SLM_8fe1b08c0ca24a09b6a68ffff02e0e1d_Date" hidden="1">
            <a:extLst>
              <a:ext uri="{FF2B5EF4-FFF2-40B4-BE49-F238E27FC236}">
                <a16:creationId xmlns:a16="http://schemas.microsoft.com/office/drawing/2014/main" id="{EE68BE18-9591-9161-68A6-1580AFDE471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sp>
        <p:nvSpPr>
          <p:cNvPr id="454" name="OTLSHAPE_SLM_266cb7b954a6414eb7b7ea9f740319f6_Date" hidden="1">
            <a:extLst>
              <a:ext uri="{FF2B5EF4-FFF2-40B4-BE49-F238E27FC236}">
                <a16:creationId xmlns:a16="http://schemas.microsoft.com/office/drawing/2014/main" id="{7C91F6D7-8C7F-4F25-95EB-66EEAB454FA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Jul 13</a:t>
            </a:r>
          </a:p>
        </p:txBody>
      </p:sp>
      <p:sp>
        <p:nvSpPr>
          <p:cNvPr id="455" name="OTLSHAPE_SLM_6e37b4e8e3c149d585cc7170bfe1145c_Date" hidden="1">
            <a:extLst>
              <a:ext uri="{FF2B5EF4-FFF2-40B4-BE49-F238E27FC236}">
                <a16:creationId xmlns:a16="http://schemas.microsoft.com/office/drawing/2014/main" id="{D2C682B3-BBF4-28C2-5293-5BAA6114DE8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s-AR" sz="100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NjFkM2YzNC03ZDFiLTQ1NDQtOTFhYy00ZGU5Nzk3YTNmNGQiLCJJbmRleCI6MSwiR3JvdXBJZCI6Ijc0ZDNmYmQyLWY0NjQtNDFlMS04MjliLWM1NzI0Yjg0YmQ0MSIsIlRpdGxlIjoiRGFzaGJvYXJkIEludGVyYWN0aXZvIiwiRGF0ZVRpbWUiOiIyMDE5LTA3LTEzVDIzOjU5OjAwWiIsIlBlcmNlbnRhZ2VDb21wbGV0ZSI6bnVsbCwiTm90ZSI6bnVsbCwiU3R5bGUiOnsiJGlkIjoiNiIsIlRpdGxlUG9zaXRpb24iOiJSaWdodCIsIkRhdGVQb3NpdGlvbiI6IkxlZnQiLCJTaGFwZVR5cGUiOjE0LCJTaGFwZVNpemUiOjE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yZWYiOiIyMCJ9fSwiSXNWaXNpYmxlIjpmYWxzZSwiV2lkdGgiOjAuMCwiSGVpZ2h0IjowLjAsIkJvcmRlclN0eWxlIjpudWxsLCJQYXJlbnRTdHlsZSI6bnVsbH0sIkRhdGVGb3JtYXQiOnsiJGlkIjoi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DEiLCJGb250U2V0dGluZ3MiOnsiJGlkIjoiNDI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TYiLCJGb250U2V0dGluZ3MiOnsiJGlkIjoiNTc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h5cGVybGluayI6eyIkaWQiOiI2MCIsIkFkZHJlc3MiOiIiLCJTdWJBZGRyZXNzIjoiIn0sIkltcG9ydElkIjpudWxsfV0sIklkIjoiODQyZjgwZTMtNDdiYy00NWVkLWJhMjQtOWEyNTY2NTZjNTY3IiwiSXNTaW5nbGVJdGVtUm93IjpmYWxzZX0seyIkaWQiOiI2MSIsIl90YXNrcyI6W3siJGlkIjoiNjIiLCJfYXR0YWNoZWRNaWxlc3RvbmVzIjpbXSwiVGFza0RlZmluaXRpb24iOnsiJGlkIjoiNjMiLCJHcm91cE5hbWUiOm51bGwsIlN0YXJ0RGF0ZSI6IjIwMTktMDEtMDlUMTg6MzU6MDAiLCJFbmREYXRlIjoiMjAxOS0xMC0xNVQyMzo1OTowMFoiLCJQZXJjZW50YWdlQ29tcGxldGUiOm51bGwsIlN0eWxlIjp7IiRpZCI6IjY0IiwiU2hhcGUiOjY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HJlZiI6IjIwIn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pZCI6I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ciLCJNYXJnaW4iOnsiJGlkIjoiODgiLCJUb3AiOjAuMCwiTGVmdCI6NC4wLCJSaWdodCI6NC4wLCJCb3R0b20iOjAuMH0sIlBhZGRpbmciOnsiJGlkIjoiODkiLCJUb3AiOjAuMCwiTGVmdCI6MC4wLCJSaWdodCI6MC4wLCJCb3R0b20iOjAuMH0sIkJhY2tncm91bmQiOnsiJGlkIjoiOTAiLCJDb2xvciI6eyIkaWQiOiI5MSIsIkEiOjI1NSwiUiI6MTY1LCJHIjoxNjUsIkIiOjE2NX19LCJJc1Zpc2libGUiOnRydWUsIldpZHRoIjowLjAsIkhlaWdodCI6MTY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VGl0bGVTdHlsZSI6eyIkaWQiOiI5NSIsIkZvbnRTZXR0aW5ncyI6eyIkaWQiOiI5NiIsIkZvbnRTaXplIjoxMSwiRm9udE5hbWUiOiJDYWxpYnJpIiwiSXNCb2xkIjp0cnVlLCJJc0l0YWxpYyI6ZmFsc2UsIklzVW5kZXJsaW5lZCI6ZmFsc2UsIlBhcmVudFN0eWxlIjpudWxsfSwiQXV0b1NpemUiOjAsIkZvcmVncm91bmQiOnsiJGlkIjoiOTciLCJDb2xvciI6eyIkaWQiOiI5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IwIn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cmVmIjoiMjAifX0sIklzVmlzaWJsZSI6dHJ1ZSwiV2lkdGgiOjAuMCwiSGVpZ2h0IjowLjAsIkJvcmRlclN0eWxlIjp7IiRpZCI6IjExMCIsIkxpbmVDb2xvciI6bnVsbCwiTGluZVdlaWdodCI6MC4wLCJMaW5lVHlwZSI6MCwiUGFyZW50U3R5bGUiOm51bGx9LCJQYXJlbnRTdHlsZSI6bnVsbH0sIkRhdGVGb3JtYXQiOnsiJGlkIjoiM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TI2IiwiRm9udFNldHRpbmdzIjp7IiRpZCI6IjEyNy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TQyIiwiRm9udFNldHRpbmdzIjp7IiRpZCI6IjE0My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Tc0IiwiRm9udFNldHRpbmdzIjp7IiRpZCI6IjE3N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iwiRm9yZWdyb3VuZCI6eyIkaWQiOiIxODgiLCJDb2xvciI6eyIkaWQiOiIxODk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yZWYiOiIxOSJ9LCJJc1Zpc2libGUiOnRydWUsIldpZHRoIjowLjAsIkhlaWdodCI6MC4wLCJCb3JkZXJTdHlsZSI6bnVsbC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cmVmIjoiMTkifSwiSXNWaXNpYmxlIjp0cnVlLCJXaWR0aCI6MC4wLCJIZWlnaHQiOjAuMCwiQm9yZGVyU3R5bGUiOm51bGwsIlBhcmVudFN0eWxlIjpudWxsfSwiRGF0ZVN0eWxlIjp7IiRpZCI6IjI4OCIsIkZvbnRTZXR0aW5ncyI6eyIkaWQiOiIyODk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I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wLCJSIjowLCJHIjowLCJCIjowfX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HJlZiI6IjMwOSJ9fSwiSXNWaXNpYmxlIjpmYWxzZSwiV2lkdGgiOjAuMCwiSGVpZ2h0IjowLjAsIkJvcmRlclN0eWxlIjpudWxsLCJQYXJlbnRTdHlsZSI6bnVsbH0sIkRhdGVGb3JtYXQiOnsiJGlkIjoi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yZWYiOiIzMDgifSwiSXNWaXNpYmxlIjp0cnVlLCJXaWR0aCI6MC4wLCJIZWlnaHQiOjAuMCwiQm9yZGVyU3R5bGUiOm51bGwsIlBhcmVudFN0eWxlIjpudWxsfSwiRGF0ZVN0eWxlIjp7IiRpZCI6IjMzMyIsIkZvbnRTZXR0aW5ncyI6eyIkaWQiOiIzMzQ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cmVmIjoiMzE0In0sIklzVmlzaWJsZSI6ZmFsc2UsIldpZHRoIjowLjAsIkhlaWdodCI6MC4wLCJCb3JkZXJTdHlsZSI6bnVsbCwiUGFyZW50U3R5bGUiOm51bGx9LCJEYXRlRm9ybWF0Ijp7IiRpZCI6IjM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yZWYiOiIzMTQifSwiSXNWaXNpYmxlIjpmYWxzZSwiV2lkdGgiOjAuMCwiSGVpZ2h0IjowLjAsIkJvcmRlclN0eWxlIjpudWxsLCJQYXJlbnRTdHlsZSI6bnVsbH0sIkRhdGVGb3JtYXQiOnsiJGlkIjoiM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zNzMiLCJGb250U2V0dGluZ3MiOnsiJGlkIjoiMzc0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z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M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Y3In0sIlBhZGRpbmciOnsiJHJlZiI6IjI2OCJ9LCJCYWNrZ3JvdW5kIjp7IiRyZWYiOiIxOSJ9LCJJc1Zpc2libGUiOnRydWUsIldpZHRoIjowLjAsIkhlaWdodCI6MC4wLCJCb3JkZXJTdHlsZSI6bnVsbCwiUGFyZW50U3R5bGUiOm51bGx9LCJEYXRlU3R5bGUiOnsiJGlkIjoiNDA0IiwiRm9udFNldHRpbmdzIjp7IiRpZCI6IjQwNSIsIkZvbnRTaXplIjoxMCwiRm9udE5hbWUiOiJDYWxpYnJpIiwiSXNCb2xkIjpmYWxzZSwiSXNJdGFsaWMiOmZhbHNlLCJJc1VuZGVybGluZWQiOmZhbHNlLCJQYXJlbnRTdHlsZSI6bnVsbH0sIkF1dG9TaXplIjowLCJGb3JlZ3JvdW5kIjp7IiRpZCI6IjQwNiIsIkNvbG9yIjp7IiRpZCI6IjQw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cmVmIjoiMTkifSwiSXNWaXNpYmxlIjp0cnVlLCJXaWR0aCI6MC4wLCJIZWlnaHQiOjAuMCwiQm9yZGVyU3R5bGUiOm51bGw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bnVsbCwiSXNWaXNpYmxlIjp0cnVlLCJXaWR0aCI6MC4wLCJIZWlnaHQiOjAuMCwiQm9yZGVyU3R5bGUiOm51bGwsIlBhcmVudFN0eWxlIjpudWxsfSwiUmVjdGFuZ2xl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NjMsIlIiOjExMiwiRyI6MTczLCJCIjo3MX19LCJJc1Zpc2libGUiOnRydWUsIldpZHRoIjowLjAsIkhlaWdodCI6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Dg4IiwiRm9udFNldHRpbmdzIjp7IiRpZCI6IjQ4O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yZWYiOiIzMDgifSwiSXNWaXNpYmxlIjp0cnVlLCJXaWR0aCI6MC4wLCJIZWlnaHQiOjAuMCwiQm9yZGVyU3R5bGUiOm51bGw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GlkIjoiNTA5IiwiVG9wIjowLjAsIkxlZnQiOjAuMCwiUmlnaHQiOjAuMCwiQm90dG9tIjowLjB9LCJQYWRkaW5nIjp7IiRpZCI6IjUxMCIsIlRvcCI6MC4wLCJMZWZ0IjowLjAsIlJpZ2h0IjowLjAsIkJvdHRvbSI6MC4wfSwiQmFja2dyb3VuZCI6eyIkcmVmIjoiMzE0In0sIklzVmlzaWJsZSI6ZmFsc2UsIldpZHRoIjowLjAsIkhlaWdodCI6MC4wLCJCb3JkZXJTdHlsZSI6bnVsbCwiUGFyZW50U3R5bGUiOm51bGx9LCJEYXRlRm9ybWF0Ijp7IiRpZCI6IjU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TI0IiwiRm9udFNldHRpbmdzIjp7IiRpZCI6IjUyN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N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cmVmIjoiMzE0In0sIklzVmlzaWJsZSI6ZmFsc2UsIldpZHRoIjowLjAsIkhlaWdodCI6MC4wLCJCb3JkZXJTdHlsZSI6bnVsbCwiUGFyZW50U3R5bGUiOm51bGx9LCJEYXRlRm9ybWF0Ijp7IiRpZCI6IjU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cmVmIjoiMzA4In0sIklzVmlzaWJsZSI6dHJ1ZSwiV2lkdGgiOjAuMCwiSGVpZ2h0IjowLjAsIkJvcmRlclN0eWxlIjpudWxsLCJQYXJlbnRTdHlsZSI6bnVsbH0sIkRhdGVTdHlsZSI6eyIkaWQiOiI1NjUiLCJGb250U2V0dGluZ3MiOnsiJGlkIjoiNTY2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HJlZiI6IjMxNCJ9LCJJc1Zpc2libGUiOmZhbHNlLCJXaWR0aCI6MC4wLCJIZWlnaHQiOjAuMCwiQm9yZGVyU3R5bGUiOm51bGwsIlBhcmVudFN0eWxlIjpudWxsfSwiRGF0ZUZvcm1hdCI6eyIkaWQiOiI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1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Tk3IiwiRm9udFNldHRpbmdzIjp7IiRpZCI6IjU5OC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NT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2MTMiLCJGb250U2V0dGluZ3MiOnsiJGlkIjoiNjE0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2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2ODAiLCJGb250U2V0dGluZ3MiOnsiJGlkIjoiNjgx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2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Njk1IiwiRm9udFNldHRpbmdzIjp7IiRpZCI6IjY5NiIsIkZvbnRTaXplIjoxMCwiRm9udE5hbWUiOiJDYWxpYnJpIiwiSXNCb2xkIjpmYWxzZSwiSXNJdGFsaWMiOmZhbHNlLCJJc1VuZGVybGluZWQiOmZhbHNlLCJQYXJlbnRTdHlsZSI6bnVsbH0sIkF1dG9TaXplIjowLCJGb3JlZ3JvdW5kIjp7IiRpZCI6IjY5NyIsIkNvbG9yIjp7IiRpZCI6IjY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Y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3MTIiLCJGb250U2V0dGluZ3MiOnsiJGlkIjoiNzEz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3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3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bnVsbCwiSXNWaXNpYmxlIjp0cnVlLCJXaWR0aCI6MC4wLCJIZWlnaHQiOjAuMCwiQm9yZGVyU3R5bGUiOm51bGwsIlBhcmVudFN0eWxlIjpudWxsfSwiUmVjdGFuZ2xl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ZmFsc2UsIldpZHRoIjowLjAsIkhlaWdodCI6MC4wLCJCb3JkZXJTdHlsZSI6bnVsbCwiUGFyZW50U3R5bGUiOm51bGx9LCJEYXRlU3R5bGUiOnsiJGlkIjoiNzk1IiwiRm9udFNldHRpbmdzIjp7IiRpZCI6Ijc5NiIsIkZvbnRTaXplIjoxMCwiRm9udE5hbWUiOiJDYWxpYnJpIiwiSXNCb2xkIjpmYWxzZSwiSXNJdGFsaWMiOmZhbHNlLCJJc1VuZGVybGluZWQiOmZhbHNlLCJQYXJlbnRTdHlsZSI6bnVsbH0sIkF1dG9TaXplIjowLCJGb3JlZ3JvdW5kIjp7IiRpZCI6Ijc5NyIsIkNvbG9yIjp7IiRpZCI6Ijc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HJlZiI6IjI3In0sIklzVmlzaWJsZSI6ZmFsc2UsIldpZHRoIjowLjAsIkhlaWdodCI6MC4wLCJCb3JkZXJTdHlsZSI6bnVsbCwiUGFyZW50U3R5bGUiOm51bGx9LCJEYXRlRm9ybWF0Ijp7IiRpZCI6Ijc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HJlZiI6IjE5In0sIklzVmlzaWJsZSI6dHJ1ZSwiV2lkdGgiOjAuMCwiSGVpZ2h0IjowLjAsIkJvcmRlclN0eWxlIjpudWxsLCJQYXJlbnRTdHlsZSI6bnVsbH0sIkRhdGVTdHlsZSI6eyIkaWQiOiI4MTIiLCJGb250U2V0dGluZ3MiOnsiJGlkIjoiODEzIiwiRm9udFNpemUiOjEwLCJGb250TmFtZSI6IkNhbGlicmkiLCJJc0JvbGQiOmZhbHNlLCJJc0l0YWxpYyI6ZmFsc2UsIklzVW5kZXJsaW5lZCI6ZmFsc2UsIlBhcmVudFN0eWxlIjpudWxsfSwiQXV0b1NpemUiOjAsIkZvcmVncm91bmQiOnsiJHJlZiI6IjIzIn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yZWYiOiIyNyJ9LCJJc1Zpc2libGUiOmZhbHNlLCJXaWR0aCI6MC4wLCJIZWlnaHQiOjAuMCwiQm9yZGVyU3R5bGUiOm51bGwsIlBhcmVudFN0eWxlIjpudWxsfSwiRGF0ZUZvcm1hdCI6eyIkaWQiOiI4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yZWYiOiIxOSJ9LCJJc1Zpc2libGUiOnRydWUsIldpZHRoIjowLjAsIkhlaWdodCI6MC4wLCJCb3JkZXJTdHlsZSI6bnVsbCwiUGFyZW50U3R5bGUiOm51bGx9LCJEYXRlU3R5bGUiOnsiJGlkIjoiODI3IiwiRm9udFNldHRpbmdzIjp7IiRpZCI6IjgyOC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cmVmIjoiMjcifSwiSXNWaXNpYmxlIjpmYWxzZSwiV2lkdGgiOjAuMCwiSGVpZ2h0IjowLjAsIkJvcmRlclN0eWxlIjpudWxsLCJQYXJlbnRTdHlsZSI6bnVsbH0sIkRhdGVGb3JtYXQiOnsiJGlkIjoiOD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cmVmIjoiMTAxIn0sIklzVmlzaWJsZSI6dHJ1ZSwiV2lkdGgiOjAuMCwiSGVpZ2h0IjowLjAsIkJvcmRlclN0eWxlIjpudWxsLCJQYXJlbnRTdHlsZSI6bnVsbH0sIkRhdGVTdHlsZSI6eyIkaWQiOiI5NzAiLCJGb250U2V0dGluZ3MiOnsiJGlkIjoiOTcxIiwiRm9udFNpemUiOjEwLCJGb250TmFtZSI6IkNhbGlicmkiLCJJc0JvbGQiOmZhbHNlLCJJc0l0YWxpYyI6ZmFsc2UsIklzVW5kZXJsaW5lZCI6ZmFsc2UsIlBhcmVudFN0eWxlIjpudWxsfSwiQXV0b1NpemUiOjAsIkZvcmVncm91bmQiOnsiJHJlZiI6IjEwNSJ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yZWYiOiIxMDkifSwiSXNWaXNpYmxlIjp0cnVlLCJXaWR0aCI6MC4wLCJIZWlnaHQiOjAuMCwiQm9yZGVyU3R5bGUiOm51bGwsIlBhcmVudFN0eWxlIjpudWxsfSwiRGF0ZUZvcm1hdCI6eyIkcmVmIjoiMTExIn0sIldlZWtOdW1iZXJpbmciOnsiJGlkIjoiOTcyIiwiRm9ybWF0IjowLCJJc1Zpc2libGUiOmZhbHNlLCJMYXN0S25vd25WaXNpYmlsaXR5U3RhdGUiOmZhbHNlfSwiSXNWaXNpYmxlIjp0cnVlLCJQYXJlbnRTdHlsZSI6bnVsbCwiX2V4cGxpY2l0bHlTZXQiOnsiJGlkIjoiOTc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wMjQiLCJJbXBhT3B0aW9ucyI6eyIkaWQiOiIxMDI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yN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0-15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LeafTimeband"/>
  <p:tag name="OTLTIMEBANDSHAPEHEIGHT" val="30"/>
  <p:tag name="OTLTIMEBANDSHAPEPADDINGLEFT" val="1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pi de Status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Session de Adm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PI de Consultas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elaciones entre datos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Modelos dentro de la aplicacio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Consultas a BD y rutas , 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Botones de funciones lo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Contactar a ventas x chatbot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Bot Ejecutando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Vista de paginas Principales 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Login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Dashboard Interactivo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Vistas mas marketingeras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utas protegidas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ango Horarios 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lertas de Ejecucio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Api de Logs y Reportes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Session de Adm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Validacion por Token JWT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Renovacion de Toke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Prici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  <p:tag name="OTLMTITLE" val="Exportar Reportes a PDF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7</Words>
  <Application>Microsoft Office PowerPoint</Application>
  <PresentationFormat>Panorámica</PresentationFormat>
  <Paragraphs>60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2_Office Theme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2-05-17T17:31:17Z</dcterms:modified>
</cp:coreProperties>
</file>